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マザリー産科婦人科医院</t>
    <phoneticPr fontId="3"/>
  </si>
  <si>
    <t>〒690-0017 松江市西津田2-12-33</t>
    <phoneticPr fontId="3"/>
  </si>
  <si>
    <t>〇</t>
  </si>
  <si>
    <t>医療法人</t>
  </si>
  <si>
    <t>産婦人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247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I7" sqref="I7"/>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4</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14</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4</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4</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4</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1</v>
      </c>
      <c r="K158" s="99" t="str">
        <f t="shared" si="1"/>
        <v/>
      </c>
      <c r="L158" s="168">
        <v>0.5</v>
      </c>
      <c r="M158" s="168">
        <v>0</v>
      </c>
      <c r="N158" s="168">
        <v>0.5</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1</v>
      </c>
      <c r="K159" s="99" t="str">
        <f t="shared" si="1"/>
        <v/>
      </c>
      <c r="L159" s="167">
        <v>1</v>
      </c>
      <c r="M159" s="167">
        <v>0</v>
      </c>
      <c r="N159" s="167">
        <v>0</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14</v>
      </c>
      <c r="K163" s="99" t="str">
        <f t="shared" si="1"/>
        <v/>
      </c>
      <c r="L163" s="167">
        <v>14</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2.5</v>
      </c>
      <c r="K164" s="99" t="str">
        <f t="shared" si="1"/>
        <v/>
      </c>
      <c r="L164" s="168">
        <v>1.5</v>
      </c>
      <c r="M164" s="168">
        <v>0</v>
      </c>
      <c r="N164" s="168">
        <v>1</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334</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640</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64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309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657</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64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35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282</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657</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647</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1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657</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647</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1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29</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22</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4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657</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9:10Z</cp:lastPrinted>
  <dcterms:created xsi:type="dcterms:W3CDTF">2019-03-05T11:12:49Z</dcterms:created>
  <dcterms:modified xsi:type="dcterms:W3CDTF">2021-05-23T23:59:15Z</dcterms:modified>
</cp:coreProperties>
</file>